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261-2024 Kontinuálny neinvazívny fotopletyzmografický monitor\03. Príprava\05. PTK\01. 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T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7" i="9" l="1"/>
  <c r="S7" i="9" s="1"/>
  <c r="T7" i="9" s="1"/>
  <c r="R7" i="9"/>
  <c r="Q7" i="9" l="1"/>
</calcChain>
</file>

<file path=xl/sharedStrings.xml><?xml version="1.0" encoding="utf-8"?>
<sst xmlns="http://schemas.openxmlformats.org/spreadsheetml/2006/main" count="46" uniqueCount="44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Doplňujúce informácie:</t>
  </si>
  <si>
    <t>Sídlo:</t>
  </si>
  <si>
    <t>Dodávateľ:</t>
  </si>
  <si>
    <t>Cena servisnej hodiny na mimozáručný servis počas záručnej doby</t>
  </si>
  <si>
    <t>4.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2.</t>
  </si>
  <si>
    <t>3.</t>
  </si>
  <si>
    <t>Termín dodania pre Položku č. 1</t>
  </si>
  <si>
    <t>Záručná doba pre Položku č. 1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Celková výška DPH v EUR</t>
  </si>
  <si>
    <t>Obchodný názov ponúkanej položky</t>
  </si>
  <si>
    <t>Celková cena
za požadované množstvo MJ
v EUR bez DPH</t>
  </si>
  <si>
    <t>Celková cena
za požadované množstvo MJ
v EUR s DPH</t>
  </si>
  <si>
    <r>
      <t xml:space="preserve">Požadované 
množstvo MJ
</t>
    </r>
    <r>
      <rPr>
        <sz val="9"/>
        <color theme="1"/>
        <rFont val="Arial"/>
        <family val="2"/>
        <charset val="238"/>
      </rPr>
      <t>za zmluvné obdobie</t>
    </r>
  </si>
  <si>
    <t>Výrobca ponúkaného produktu</t>
  </si>
  <si>
    <t>Kontinuálny neinvazívny fotopletyzmografický monitor tlaku krvi a hemodynamických parametrov</t>
  </si>
  <si>
    <t>kalendárnych dní</t>
  </si>
  <si>
    <t>mesiacov</t>
  </si>
  <si>
    <t>v EUR bez DPH
na hodinu</t>
  </si>
  <si>
    <t>zľa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auto="1"/>
      </top>
      <bottom style="medium">
        <color indexed="64"/>
      </bottom>
      <diagonal/>
    </border>
    <border>
      <left/>
      <right style="dotted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0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12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2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0" fontId="7" fillId="0" borderId="0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0" fontId="7" fillId="2" borderId="24" xfId="0" applyFont="1" applyFill="1" applyBorder="1" applyAlignment="1">
      <alignment horizontal="center" vertical="top" wrapText="1"/>
    </xf>
    <xf numFmtId="9" fontId="7" fillId="2" borderId="24" xfId="0" applyNumberFormat="1" applyFont="1" applyFill="1" applyBorder="1" applyAlignment="1">
      <alignment horizontal="center" vertical="top" wrapText="1"/>
    </xf>
    <xf numFmtId="0" fontId="2" fillId="0" borderId="25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/>
    </xf>
    <xf numFmtId="164" fontId="4" fillId="0" borderId="0" xfId="0" applyNumberFormat="1" applyFont="1" applyFill="1" applyBorder="1" applyAlignment="1">
      <alignment horizontal="right" vertical="center" wrapText="1"/>
    </xf>
    <xf numFmtId="0" fontId="2" fillId="5" borderId="13" xfId="0" applyFont="1" applyFill="1" applyBorder="1" applyAlignment="1">
      <alignment horizontal="center" vertical="center" wrapText="1"/>
    </xf>
    <xf numFmtId="164" fontId="2" fillId="0" borderId="20" xfId="0" applyNumberFormat="1" applyFont="1" applyBorder="1" applyAlignment="1">
      <alignment horizontal="center" vertical="center" wrapText="1"/>
    </xf>
    <xf numFmtId="0" fontId="7" fillId="2" borderId="17" xfId="0" applyFont="1" applyFill="1" applyBorder="1" applyAlignment="1">
      <alignment horizontal="center" vertical="top" wrapText="1"/>
    </xf>
    <xf numFmtId="0" fontId="2" fillId="0" borderId="26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2" fillId="0" borderId="26" xfId="0" applyNumberFormat="1" applyFont="1" applyBorder="1" applyAlignment="1">
      <alignment horizontal="right" vertical="center" wrapText="1"/>
    </xf>
    <xf numFmtId="164" fontId="7" fillId="2" borderId="27" xfId="0" applyNumberFormat="1" applyFont="1" applyFill="1" applyBorder="1" applyAlignment="1">
      <alignment horizontal="center" vertical="top" wrapText="1"/>
    </xf>
    <xf numFmtId="164" fontId="2" fillId="0" borderId="28" xfId="0" applyNumberFormat="1" applyFont="1" applyBorder="1" applyAlignment="1">
      <alignment horizontal="right" vertical="center" wrapText="1"/>
    </xf>
    <xf numFmtId="164" fontId="7" fillId="2" borderId="22" xfId="0" applyNumberFormat="1" applyFont="1" applyFill="1" applyBorder="1" applyAlignment="1">
      <alignment horizontal="center" vertical="top" wrapText="1"/>
    </xf>
    <xf numFmtId="164" fontId="2" fillId="0" borderId="29" xfId="0" applyNumberFormat="1" applyFont="1" applyBorder="1" applyAlignment="1">
      <alignment horizontal="right" vertical="center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2" fillId="0" borderId="15" xfId="0" applyNumberFormat="1" applyFont="1" applyBorder="1" applyAlignment="1">
      <alignment horizontal="right" vertical="center" wrapText="1"/>
    </xf>
    <xf numFmtId="9" fontId="7" fillId="2" borderId="27" xfId="0" applyNumberFormat="1" applyFont="1" applyFill="1" applyBorder="1" applyAlignment="1">
      <alignment horizontal="center" vertical="top" wrapText="1"/>
    </xf>
    <xf numFmtId="0" fontId="7" fillId="2" borderId="30" xfId="0" applyFont="1" applyFill="1" applyBorder="1" applyAlignment="1">
      <alignment horizontal="center" vertical="top" wrapText="1"/>
    </xf>
    <xf numFmtId="0" fontId="2" fillId="0" borderId="31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3" fontId="4" fillId="0" borderId="33" xfId="0" applyNumberFormat="1" applyFont="1" applyFill="1" applyBorder="1" applyAlignment="1">
      <alignment horizontal="center" vertical="center" wrapText="1"/>
    </xf>
    <xf numFmtId="9" fontId="2" fillId="0" borderId="14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27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2" fillId="0" borderId="19" xfId="0" applyFont="1" applyBorder="1" applyAlignment="1">
      <alignment horizontal="left" vertical="center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10" xfId="0" applyFont="1" applyBorder="1" applyAlignment="1">
      <alignment horizontal="left" vertical="center" wrapText="1"/>
    </xf>
    <xf numFmtId="0" fontId="4" fillId="0" borderId="11" xfId="0" applyFont="1" applyBorder="1" applyAlignment="1">
      <alignment horizontal="left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0" fontId="4" fillId="5" borderId="26" xfId="0" applyFont="1" applyFill="1" applyBorder="1" applyAlignment="1">
      <alignment horizontal="left" vertical="center" wrapText="1"/>
    </xf>
    <xf numFmtId="0" fontId="4" fillId="5" borderId="35" xfId="0" applyFont="1" applyFill="1" applyBorder="1" applyAlignment="1">
      <alignment horizontal="left" vertical="center" wrapText="1"/>
    </xf>
    <xf numFmtId="0" fontId="4" fillId="5" borderId="36" xfId="0" applyFont="1" applyFill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6"/>
  <sheetViews>
    <sheetView showGridLines="0" tabSelected="1" zoomScaleNormal="100" workbookViewId="0">
      <selection sqref="A1:T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2.2851562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20" width="15.7109375" style="17" customWidth="1"/>
    <col min="21" max="21" width="2" style="17" customWidth="1"/>
    <col min="22" max="22" width="15.7109375" style="12" customWidth="1"/>
    <col min="23" max="23" width="15.7109375" style="20" customWidth="1"/>
    <col min="24" max="16384" width="9.140625" style="1"/>
  </cols>
  <sheetData>
    <row r="1" spans="1:23" s="2" customFormat="1" ht="20.100000000000001" customHeight="1" x14ac:dyDescent="0.25">
      <c r="A1" s="82" t="s">
        <v>27</v>
      </c>
      <c r="B1" s="82"/>
      <c r="C1" s="82"/>
      <c r="D1" s="82"/>
      <c r="E1" s="82"/>
      <c r="F1" s="82"/>
      <c r="G1" s="82"/>
      <c r="H1" s="82"/>
      <c r="I1" s="82"/>
      <c r="J1" s="82"/>
      <c r="K1" s="82"/>
      <c r="L1" s="82"/>
      <c r="M1" s="82"/>
      <c r="N1" s="82"/>
      <c r="O1" s="82"/>
      <c r="P1" s="82"/>
      <c r="Q1" s="82"/>
      <c r="R1" s="82"/>
      <c r="S1" s="82"/>
      <c r="T1" s="82"/>
      <c r="U1" s="5"/>
      <c r="V1" s="9"/>
      <c r="W1" s="12"/>
    </row>
    <row r="2" spans="1:23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5"/>
      <c r="V2" s="9"/>
      <c r="W2" s="12"/>
    </row>
    <row r="3" spans="1:23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5"/>
      <c r="V3" s="9"/>
      <c r="W3" s="12"/>
    </row>
    <row r="4" spans="1:23" s="2" customFormat="1" ht="24.95" customHeight="1" x14ac:dyDescent="0.25">
      <c r="A4" s="33" t="s">
        <v>39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5"/>
      <c r="V4" s="9"/>
      <c r="W4" s="12"/>
    </row>
    <row r="5" spans="1:23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5"/>
      <c r="V5" s="9"/>
      <c r="W5" s="12"/>
    </row>
    <row r="6" spans="1:23" s="8" customFormat="1" ht="48.75" thickBot="1" x14ac:dyDescent="0.3">
      <c r="A6" s="31" t="s">
        <v>10</v>
      </c>
      <c r="B6" s="92" t="s">
        <v>1</v>
      </c>
      <c r="C6" s="93"/>
      <c r="D6" s="32" t="s">
        <v>11</v>
      </c>
      <c r="E6" s="77" t="s">
        <v>37</v>
      </c>
      <c r="F6" s="15"/>
      <c r="G6" s="57" t="s">
        <v>34</v>
      </c>
      <c r="H6" s="58" t="s">
        <v>38</v>
      </c>
      <c r="I6" s="65" t="s">
        <v>12</v>
      </c>
      <c r="J6" s="76" t="s">
        <v>13</v>
      </c>
      <c r="K6" s="59" t="s">
        <v>14</v>
      </c>
      <c r="L6" s="59" t="s">
        <v>15</v>
      </c>
      <c r="M6" s="68" t="s">
        <v>16</v>
      </c>
      <c r="N6" s="84" t="s">
        <v>17</v>
      </c>
      <c r="O6" s="85"/>
      <c r="P6" s="72" t="s">
        <v>18</v>
      </c>
      <c r="Q6" s="70" t="s">
        <v>19</v>
      </c>
      <c r="R6" s="68" t="s">
        <v>35</v>
      </c>
      <c r="S6" s="72" t="s">
        <v>33</v>
      </c>
      <c r="T6" s="74" t="s">
        <v>36</v>
      </c>
      <c r="U6" s="56"/>
    </row>
    <row r="7" spans="1:23" s="2" customFormat="1" ht="49.5" customHeight="1" thickBot="1" x14ac:dyDescent="0.3">
      <c r="A7" s="78" t="s">
        <v>2</v>
      </c>
      <c r="B7" s="95" t="s">
        <v>39</v>
      </c>
      <c r="C7" s="96"/>
      <c r="D7" s="79" t="s">
        <v>0</v>
      </c>
      <c r="E7" s="80">
        <v>1</v>
      </c>
      <c r="F7" s="16"/>
      <c r="G7" s="39"/>
      <c r="H7" s="60"/>
      <c r="I7" s="66"/>
      <c r="J7" s="67"/>
      <c r="K7" s="60"/>
      <c r="L7" s="60"/>
      <c r="M7" s="69"/>
      <c r="N7" s="97"/>
      <c r="O7" s="98"/>
      <c r="P7" s="73">
        <f>M7*N7</f>
        <v>0</v>
      </c>
      <c r="Q7" s="71">
        <f>M7+P7</f>
        <v>0</v>
      </c>
      <c r="R7" s="69">
        <f>M7*E7</f>
        <v>0</v>
      </c>
      <c r="S7" s="73">
        <f>P7*E7</f>
        <v>0</v>
      </c>
      <c r="T7" s="75">
        <f>R7+S7</f>
        <v>0</v>
      </c>
      <c r="U7" s="16"/>
    </row>
    <row r="8" spans="1:23" s="2" customFormat="1" ht="30" customHeight="1" x14ac:dyDescent="0.25">
      <c r="A8" s="42"/>
      <c r="B8" s="43"/>
      <c r="C8" s="43"/>
      <c r="D8" s="42"/>
      <c r="E8" s="44"/>
      <c r="F8" s="44"/>
      <c r="G8" s="44"/>
      <c r="H8" s="44"/>
      <c r="I8" s="44"/>
      <c r="J8" s="44"/>
      <c r="K8" s="44"/>
      <c r="L8" s="44"/>
      <c r="M8" s="44"/>
      <c r="N8" s="44"/>
      <c r="O8" s="44"/>
      <c r="P8" s="44"/>
      <c r="Q8" s="44"/>
      <c r="R8" s="44"/>
      <c r="S8" s="62"/>
      <c r="T8" s="62"/>
      <c r="U8" s="16"/>
    </row>
    <row r="10" spans="1:23" ht="16.5" customHeight="1" thickBot="1" x14ac:dyDescent="0.25">
      <c r="A10" s="41" t="s">
        <v>20</v>
      </c>
      <c r="B10" s="21"/>
      <c r="C10" s="22"/>
      <c r="D10" s="1"/>
      <c r="E10" s="23"/>
      <c r="F10" s="23"/>
      <c r="G10" s="24"/>
      <c r="H10" s="23"/>
      <c r="R10" s="23"/>
      <c r="S10" s="23"/>
      <c r="T10" s="23"/>
      <c r="U10" s="23"/>
    </row>
    <row r="11" spans="1:23" ht="30" customHeight="1" x14ac:dyDescent="0.2">
      <c r="A11" s="35" t="s">
        <v>2</v>
      </c>
      <c r="B11" s="86" t="s">
        <v>30</v>
      </c>
      <c r="C11" s="87"/>
      <c r="D11" s="87"/>
      <c r="E11" s="88"/>
      <c r="F11" s="25"/>
      <c r="G11" s="34"/>
      <c r="H11" s="63" t="s">
        <v>40</v>
      </c>
      <c r="R11" s="25"/>
      <c r="S11" s="25"/>
      <c r="T11" s="25"/>
      <c r="U11" s="25"/>
    </row>
    <row r="12" spans="1:23" ht="30" customHeight="1" x14ac:dyDescent="0.2">
      <c r="A12" s="36" t="s">
        <v>28</v>
      </c>
      <c r="B12" s="89" t="s">
        <v>31</v>
      </c>
      <c r="C12" s="90"/>
      <c r="D12" s="90"/>
      <c r="E12" s="91"/>
      <c r="F12" s="25"/>
      <c r="G12" s="37"/>
      <c r="H12" s="38" t="s">
        <v>41</v>
      </c>
      <c r="J12" s="28" t="s">
        <v>22</v>
      </c>
      <c r="K12" s="94"/>
      <c r="L12" s="94"/>
      <c r="M12" s="94"/>
      <c r="T12" s="25"/>
      <c r="U12" s="25"/>
    </row>
    <row r="13" spans="1:23" ht="30" customHeight="1" x14ac:dyDescent="0.2">
      <c r="A13" s="36" t="s">
        <v>29</v>
      </c>
      <c r="B13" s="89" t="s">
        <v>23</v>
      </c>
      <c r="C13" s="90"/>
      <c r="D13" s="90"/>
      <c r="E13" s="91"/>
      <c r="F13" s="25"/>
      <c r="G13" s="64"/>
      <c r="H13" s="38" t="s">
        <v>42</v>
      </c>
      <c r="J13" s="28" t="s">
        <v>21</v>
      </c>
      <c r="K13" s="83"/>
      <c r="L13" s="83"/>
      <c r="M13" s="83"/>
      <c r="T13" s="25"/>
    </row>
    <row r="14" spans="1:23" ht="74.25" customHeight="1" thickBot="1" x14ac:dyDescent="0.25">
      <c r="A14" s="39" t="s">
        <v>24</v>
      </c>
      <c r="B14" s="99" t="s">
        <v>32</v>
      </c>
      <c r="C14" s="100"/>
      <c r="D14" s="100"/>
      <c r="E14" s="101"/>
      <c r="F14" s="25"/>
      <c r="G14" s="81"/>
      <c r="H14" s="40" t="s">
        <v>43</v>
      </c>
      <c r="J14" s="28"/>
      <c r="K14" s="28"/>
      <c r="L14" s="28"/>
      <c r="M14" s="28"/>
      <c r="N14" s="28"/>
      <c r="T14" s="25"/>
    </row>
    <row r="15" spans="1:23" x14ac:dyDescent="0.2">
      <c r="F15" s="1"/>
      <c r="G15" s="1"/>
      <c r="H15" s="1"/>
      <c r="T15" s="23"/>
    </row>
    <row r="16" spans="1:23" ht="30" customHeight="1" x14ac:dyDescent="0.2">
      <c r="F16" s="1"/>
      <c r="G16" s="1"/>
      <c r="H16" s="1"/>
      <c r="J16" s="28" t="s">
        <v>3</v>
      </c>
      <c r="K16" s="83"/>
      <c r="L16" s="83"/>
      <c r="T16" s="25"/>
    </row>
    <row r="17" spans="1:23" ht="30" customHeight="1" x14ac:dyDescent="0.25">
      <c r="F17" s="1"/>
      <c r="G17" s="1"/>
      <c r="H17" s="1"/>
      <c r="J17" s="28" t="s">
        <v>5</v>
      </c>
      <c r="K17" s="104"/>
      <c r="L17" s="104"/>
      <c r="P17" s="27" t="s">
        <v>4</v>
      </c>
      <c r="Q17" s="103"/>
      <c r="R17" s="103"/>
      <c r="S17" s="61"/>
      <c r="T17" s="25"/>
    </row>
    <row r="18" spans="1:23" ht="16.5" customHeight="1" x14ac:dyDescent="0.25">
      <c r="F18" s="1"/>
      <c r="G18" s="1"/>
      <c r="H18" s="1"/>
      <c r="P18" s="28" t="s">
        <v>6</v>
      </c>
      <c r="Q18" s="94"/>
      <c r="R18" s="94"/>
      <c r="S18" s="61"/>
      <c r="T18" s="1"/>
      <c r="U18" s="1"/>
    </row>
    <row r="19" spans="1:23" ht="17.25" customHeight="1" x14ac:dyDescent="0.25">
      <c r="F19" s="1"/>
      <c r="G19" s="1"/>
      <c r="H19" s="1"/>
      <c r="I19" s="1"/>
      <c r="J19" s="1"/>
      <c r="K19" s="1"/>
      <c r="L19" s="1"/>
      <c r="M19" s="1"/>
      <c r="N19" s="1"/>
      <c r="O19" s="1"/>
      <c r="P19" s="28" t="s">
        <v>7</v>
      </c>
      <c r="Q19" s="83"/>
      <c r="R19" s="83"/>
      <c r="S19" s="61"/>
      <c r="T19" s="1"/>
      <c r="U19" s="1"/>
      <c r="V19" s="1"/>
      <c r="W19" s="1"/>
    </row>
    <row r="20" spans="1:23" ht="18.75" customHeight="1" x14ac:dyDescent="0.2">
      <c r="F20" s="1"/>
      <c r="G20" s="1"/>
      <c r="H20" s="1"/>
      <c r="I20" s="1"/>
      <c r="J20" s="1"/>
      <c r="K20" s="1"/>
      <c r="L20" s="1"/>
      <c r="M20" s="1"/>
      <c r="N20" s="1"/>
      <c r="O20" s="1"/>
      <c r="P20" s="29" t="s">
        <v>8</v>
      </c>
      <c r="Q20" s="1"/>
      <c r="R20" s="2"/>
      <c r="S20" s="2"/>
      <c r="T20" s="1"/>
      <c r="U20" s="1"/>
      <c r="V20" s="1"/>
      <c r="W20" s="1"/>
    </row>
    <row r="21" spans="1:23" s="45" customFormat="1" ht="12" x14ac:dyDescent="0.2">
      <c r="A21" s="102" t="s">
        <v>25</v>
      </c>
      <c r="B21" s="102"/>
      <c r="D21" s="46"/>
      <c r="E21" s="46"/>
      <c r="F21" s="47"/>
      <c r="G21" s="47"/>
      <c r="H21" s="47"/>
      <c r="I21" s="47"/>
      <c r="J21" s="47"/>
      <c r="K21" s="47"/>
      <c r="L21" s="47"/>
      <c r="M21" s="48"/>
      <c r="O21" s="48"/>
    </row>
    <row r="22" spans="1:23" s="55" customFormat="1" ht="17.25" customHeight="1" x14ac:dyDescent="0.25">
      <c r="A22" s="49"/>
      <c r="B22" s="50" t="s">
        <v>26</v>
      </c>
      <c r="C22" s="51"/>
      <c r="D22" s="52"/>
      <c r="E22" s="52"/>
      <c r="F22" s="53"/>
      <c r="G22" s="53"/>
      <c r="H22" s="53"/>
      <c r="I22" s="53"/>
      <c r="J22" s="53"/>
      <c r="K22" s="53"/>
      <c r="L22" s="53"/>
      <c r="M22" s="54"/>
      <c r="O22" s="54"/>
    </row>
    <row r="23" spans="1:23" s="6" customFormat="1" ht="20.100000000000001" customHeight="1" x14ac:dyDescent="0.25"/>
    <row r="24" spans="1:23" s="6" customFormat="1" ht="20.100000000000001" customHeight="1" x14ac:dyDescent="0.25"/>
    <row r="25" spans="1:23" ht="5.25" customHeight="1" x14ac:dyDescent="0.2">
      <c r="H25" s="1"/>
      <c r="I25" s="1"/>
      <c r="J25" s="1"/>
      <c r="K25" s="1"/>
      <c r="L25" s="1"/>
      <c r="M25" s="1"/>
      <c r="N25" s="1"/>
      <c r="O25" s="1"/>
    </row>
    <row r="26" spans="1:23" ht="20.100000000000001" customHeight="1" x14ac:dyDescent="0.2">
      <c r="H26" s="1"/>
      <c r="I26" s="1"/>
      <c r="J26" s="1"/>
      <c r="K26" s="1"/>
      <c r="L26" s="1"/>
      <c r="M26" s="1"/>
      <c r="N26" s="1"/>
      <c r="O26" s="1"/>
    </row>
    <row r="27" spans="1:23" ht="20.100000000000001" customHeight="1" x14ac:dyDescent="0.2">
      <c r="E27" s="1"/>
      <c r="F27" s="1"/>
      <c r="G27" s="1"/>
      <c r="J27" s="1"/>
      <c r="K27" s="1"/>
      <c r="L27" s="1"/>
      <c r="M27" s="1"/>
      <c r="N27" s="1"/>
      <c r="O27" s="1"/>
      <c r="T27" s="1"/>
      <c r="U27" s="1"/>
    </row>
    <row r="28" spans="1:23" x14ac:dyDescent="0.2">
      <c r="E28" s="1"/>
      <c r="F28" s="1"/>
      <c r="G28" s="1"/>
      <c r="J28" s="1"/>
      <c r="K28" s="1"/>
      <c r="L28" s="1"/>
      <c r="M28" s="1"/>
      <c r="N28" s="1"/>
      <c r="O28" s="1"/>
      <c r="T28" s="1"/>
      <c r="U28" s="1"/>
    </row>
    <row r="29" spans="1:23" x14ac:dyDescent="0.2">
      <c r="E29" s="1"/>
      <c r="F29" s="1"/>
      <c r="G29" s="1"/>
      <c r="J29" s="1"/>
      <c r="K29" s="1"/>
      <c r="L29" s="1"/>
      <c r="M29" s="1"/>
      <c r="N29" s="1"/>
      <c r="O29" s="1"/>
      <c r="P29" s="1"/>
      <c r="R29" s="1"/>
      <c r="S29" s="1"/>
      <c r="T29" s="1"/>
      <c r="U29" s="1"/>
    </row>
    <row r="30" spans="1:23" x14ac:dyDescent="0.2">
      <c r="J30" s="1"/>
      <c r="K30" s="1"/>
      <c r="L30" s="1"/>
    </row>
    <row r="31" spans="1:23" x14ac:dyDescent="0.2">
      <c r="J31" s="1"/>
      <c r="K31" s="1"/>
      <c r="L31" s="1"/>
    </row>
    <row r="32" spans="1:23" x14ac:dyDescent="0.2">
      <c r="G32" s="26"/>
      <c r="H32" s="26"/>
    </row>
    <row r="33" spans="7:8" x14ac:dyDescent="0.2">
      <c r="G33" s="30"/>
      <c r="H33" s="30"/>
    </row>
    <row r="34" spans="7:8" x14ac:dyDescent="0.2">
      <c r="G34" s="30"/>
      <c r="H34" s="30"/>
    </row>
    <row r="35" spans="7:8" x14ac:dyDescent="0.2">
      <c r="G35" s="30"/>
      <c r="H35" s="30"/>
    </row>
    <row r="36" spans="7:8" x14ac:dyDescent="0.2">
      <c r="G36" s="30"/>
      <c r="H36" s="30"/>
    </row>
  </sheetData>
  <mergeCells count="17">
    <mergeCell ref="A21:B21"/>
    <mergeCell ref="Q18:R18"/>
    <mergeCell ref="Q19:R19"/>
    <mergeCell ref="Q17:R17"/>
    <mergeCell ref="K17:L17"/>
    <mergeCell ref="A1:T1"/>
    <mergeCell ref="K16:L16"/>
    <mergeCell ref="N6:O6"/>
    <mergeCell ref="B11:E11"/>
    <mergeCell ref="B12:E12"/>
    <mergeCell ref="B6:C6"/>
    <mergeCell ref="B13:E13"/>
    <mergeCell ref="K12:M12"/>
    <mergeCell ref="K13:M13"/>
    <mergeCell ref="B7:C7"/>
    <mergeCell ref="N7:O7"/>
    <mergeCell ref="B14:E14"/>
  </mergeCells>
  <conditionalFormatting sqref="Q18:R18 G12">
    <cfRule type="containsBlanks" dxfId="19" priority="138">
      <formula>LEN(TRIM(G12))=0</formula>
    </cfRule>
  </conditionalFormatting>
  <conditionalFormatting sqref="Q19:R19">
    <cfRule type="containsBlanks" dxfId="18" priority="137">
      <formula>LEN(TRIM(Q19))=0</formula>
    </cfRule>
  </conditionalFormatting>
  <conditionalFormatting sqref="G11">
    <cfRule type="containsBlanks" dxfId="17" priority="111">
      <formula>LEN(TRIM(G11))=0</formula>
    </cfRule>
  </conditionalFormatting>
  <conditionalFormatting sqref="K12:M12">
    <cfRule type="containsBlanks" dxfId="16" priority="139">
      <formula>LEN(TRIM(K12))=0</formula>
    </cfRule>
  </conditionalFormatting>
  <conditionalFormatting sqref="K16:L16">
    <cfRule type="containsBlanks" dxfId="15" priority="106">
      <formula>LEN(TRIM(K16))=0</formula>
    </cfRule>
  </conditionalFormatting>
  <conditionalFormatting sqref="K17:L17">
    <cfRule type="containsBlanks" dxfId="14" priority="105">
      <formula>LEN(TRIM(K17))=0</formula>
    </cfRule>
  </conditionalFormatting>
  <conditionalFormatting sqref="K13:M13">
    <cfRule type="containsBlanks" dxfId="13" priority="104">
      <formula>LEN(TRIM(K13))=0</formula>
    </cfRule>
  </conditionalFormatting>
  <conditionalFormatting sqref="G13:G14">
    <cfRule type="containsBlanks" dxfId="12" priority="37">
      <formula>LEN(TRIM(G13))=0</formula>
    </cfRule>
  </conditionalFormatting>
  <conditionalFormatting sqref="R7:S7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">
    <cfRule type="containsBlanks" dxfId="1" priority="2">
      <formula>LEN(TRIM(Q7))=0</formula>
    </cfRule>
  </conditionalFormatting>
  <conditionalFormatting sqref="T7">
    <cfRule type="containsBlanks" dxfId="0" priority="1">
      <formula>LEN(TRIM(T7))=0</formula>
    </cfRule>
  </conditionalFormatting>
  <pageMargins left="0.70866141732283472" right="0.70866141732283472" top="0.98124999999999996" bottom="0.74803149606299213" header="0.31496062992125984" footer="0.31496062992125984"/>
  <pageSetup paperSize="9" scale="53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4-10-28T13:59:39Z</dcterms:modified>
</cp:coreProperties>
</file>